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W w:w="0" w:type="auto"/>
        <w:jc w:val="center"/>
        <w:tblLayout w:type="fixed"/>
        <w:tblCellMar>
          <w:left w:w="0" w:type="dxa"/>
          <w:right w:w="0" w:type="dxa"/>
        </w:tblCellMar>
        <w:tblLook w:val="0000" w:firstRow="0" w:lastRow="0" w:firstColumn="0" w:lastColumn="0" w:noHBand="0" w:noVBand="0"/>
      </w:tblPr>
      <w:tblGrid>
        <w:gridCol w:w="3240"/>
        <w:gridCol w:w="1595"/>
        <w:gridCol w:w="1594"/>
        <w:gridCol w:w="1594"/>
        <w:gridCol w:w="1090"/>
      </w:tblGrid>
      <w:tr w:rsidR="00700169" w14:paraId="1DB40E7C" w14:textId="77777777" w:rsidTr="00FB4318">
        <w:trPr>
          <w:cantSplit/>
          <w:tblHeader/>
          <w:jc w:val="center"/>
        </w:trPr>
        <w:tc>
          <w:tcPr>
            <w:tcW w:w="9113" w:type="dxa"/>
            <w:gridSpan w:val="5"/>
            <w:tcBorders>
              <w:top w:val="nil"/>
              <w:left w:val="nil"/>
              <w:bottom w:val="single" w:sz="4" w:space="0" w:color="000000"/>
              <w:right w:val="nil"/>
            </w:tcBorders>
            <w:shd w:val="clear" w:color="auto" w:fill="FFFFFF"/>
            <w:vAlign w:val="bottom"/>
          </w:tcPr>
          <w:p w14:paraId="63250169" w14:textId="77777777" w:rsidR="00700169" w:rsidRDefault="00700169" w:rsidP="00FB4318">
            <w:pPr>
              <w:adjustRightInd w:val="0"/>
              <w:ind w:left="86"/>
              <w:rPr>
                <w:rFonts w:ascii="Arial" w:hAnsi="Arial" w:cs="Arial"/>
                <w:color w:val="000000"/>
              </w:rPr>
            </w:pPr>
          </w:p>
        </w:tc>
      </w:tr>
      <w:tr w:rsidR="00700169" w14:paraId="4515D2DB" w14:textId="77777777" w:rsidTr="00FB4318">
        <w:trPr>
          <w:cantSplit/>
          <w:tblHeader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vAlign w:val="bottom"/>
          </w:tcPr>
          <w:p w14:paraId="1F9C6FC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3189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vAlign w:val="bottom"/>
          </w:tcPr>
          <w:p w14:paraId="4F782E9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Case vs control</w:t>
            </w:r>
          </w:p>
        </w:tc>
        <w:tc>
          <w:tcPr>
            <w:tcW w:w="2684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FFFFFF"/>
            <w:vAlign w:val="bottom"/>
          </w:tcPr>
          <w:p w14:paraId="50A0D4F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753C172" w14:textId="77777777" w:rsidTr="00FB4318">
        <w:trPr>
          <w:cantSplit/>
          <w:tblHeader/>
          <w:jc w:val="center"/>
        </w:trPr>
        <w:tc>
          <w:tcPr>
            <w:tcW w:w="3240" w:type="dxa"/>
            <w:tcBorders>
              <w:top w:val="nil"/>
              <w:left w:val="nil"/>
              <w:bottom w:val="single" w:sz="2" w:space="0" w:color="000000"/>
              <w:right w:val="nil"/>
            </w:tcBorders>
            <w:shd w:val="clear" w:color="auto" w:fill="FFFFFF"/>
            <w:vAlign w:val="bottom"/>
          </w:tcPr>
          <w:p w14:paraId="7146E2F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single" w:sz="2" w:space="0" w:color="000000"/>
              <w:right w:val="nil"/>
            </w:tcBorders>
            <w:shd w:val="clear" w:color="auto" w:fill="FFFFFF"/>
            <w:vAlign w:val="bottom"/>
          </w:tcPr>
          <w:p w14:paraId="477DFB8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Control</w:t>
            </w:r>
            <w:r>
              <w:rPr>
                <w:rFonts w:ascii="Arial" w:hAnsi="Arial" w:cs="Arial"/>
                <w:color w:val="000000"/>
              </w:rPr>
              <w:br/>
              <w:t>(N=796)</w:t>
            </w:r>
          </w:p>
        </w:tc>
        <w:tc>
          <w:tcPr>
            <w:tcW w:w="1594" w:type="dxa"/>
            <w:tcBorders>
              <w:top w:val="nil"/>
              <w:left w:val="nil"/>
              <w:bottom w:val="single" w:sz="2" w:space="0" w:color="000000"/>
              <w:right w:val="nil"/>
            </w:tcBorders>
            <w:shd w:val="clear" w:color="auto" w:fill="FFFFFF"/>
            <w:vAlign w:val="bottom"/>
          </w:tcPr>
          <w:p w14:paraId="4727C6D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Case</w:t>
            </w:r>
            <w:r>
              <w:rPr>
                <w:rFonts w:ascii="Arial" w:hAnsi="Arial" w:cs="Arial"/>
                <w:color w:val="000000"/>
              </w:rPr>
              <w:br/>
              <w:t>(N=796)</w:t>
            </w:r>
          </w:p>
        </w:tc>
        <w:tc>
          <w:tcPr>
            <w:tcW w:w="1594" w:type="dxa"/>
            <w:tcBorders>
              <w:top w:val="nil"/>
              <w:left w:val="nil"/>
              <w:bottom w:val="single" w:sz="2" w:space="0" w:color="000000"/>
              <w:right w:val="nil"/>
            </w:tcBorders>
            <w:shd w:val="clear" w:color="auto" w:fill="FFFFFF"/>
            <w:vAlign w:val="bottom"/>
          </w:tcPr>
          <w:p w14:paraId="5C04A4B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Total</w:t>
            </w:r>
            <w:r>
              <w:rPr>
                <w:rFonts w:ascii="Arial" w:hAnsi="Arial" w:cs="Arial"/>
                <w:color w:val="000000"/>
              </w:rPr>
              <w:br/>
              <w:t>(N=1592)</w:t>
            </w:r>
          </w:p>
        </w:tc>
        <w:tc>
          <w:tcPr>
            <w:tcW w:w="1090" w:type="dxa"/>
            <w:tcBorders>
              <w:top w:val="nil"/>
              <w:left w:val="nil"/>
              <w:bottom w:val="single" w:sz="2" w:space="0" w:color="000000"/>
              <w:right w:val="nil"/>
            </w:tcBorders>
            <w:shd w:val="clear" w:color="auto" w:fill="FFFFFF"/>
            <w:vAlign w:val="bottom"/>
          </w:tcPr>
          <w:p w14:paraId="392FBC3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P-value</w:t>
            </w:r>
          </w:p>
        </w:tc>
      </w:tr>
      <w:tr w:rsidR="00700169" w14:paraId="1ECC8433" w14:textId="77777777" w:rsidTr="00FB4318">
        <w:trPr>
          <w:cantSplit/>
          <w:jc w:val="center"/>
        </w:trPr>
        <w:tc>
          <w:tcPr>
            <w:tcW w:w="3240" w:type="dxa"/>
            <w:tcBorders>
              <w:top w:val="single" w:sz="2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63313935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Year of Operation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single" w:sz="2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726C9DC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single" w:sz="2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4BED372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single" w:sz="2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666AA49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single" w:sz="2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24384C1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&lt;.001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532216B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6F84A95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015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E51F67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8 (1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96A1AB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 (0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6908BC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 (0.9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24EC68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CE84C7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DCE017B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016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31BC2D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9 (7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B0DC4C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2 (2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A432C5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81 (5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E08A67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590555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6C9AA6C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017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19BD87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1 (8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2CCF26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5 (4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B7D103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06 (6.7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7E41F4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390B1E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D2691B8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018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BB112A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94 (11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324EC6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87 (10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A8E088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81 (11.4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5EB00F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676BBC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105271B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019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DBA283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6 (18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9A6F96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18 (14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5BA389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64 (16.6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419A25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494B49C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40D9928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020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8B9564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95 (11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9304F0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24 (15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D54292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19 (13.8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0BB180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186D95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7E17AC5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021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02FC27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4 (18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343A72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64 (20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570097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08 (19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627D79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F44121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D4D4A8F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022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93202E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79 (22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EA61F2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40 (30.2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606D13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19 (26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E95434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4CD03C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1775893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A8DACC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82B5DE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2BDA6D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0B6EDC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090DA5F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816A5EA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Gender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7E7B37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EDC8B3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DD56C3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FA4318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&lt;.001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35BFABF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BA4FA53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Mal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3243D3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8 (6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04C17C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86 (48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23A0A9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34 (27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7B5D52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ED9F6F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533DD72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Femal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1C32E4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43 (93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7D3987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73 (46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B8DB17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116 (7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5DD88E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45F05D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AE4FF0F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n-binary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E19B04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 (0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A8D493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7 (4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93FD69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2 (2.6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119585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B9EA54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C706CE4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00E2CF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ADFB3C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301C8E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684B19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68D3AF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036C1FF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Ag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FBD387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92D002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E6AE16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556307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&lt;.001</w:t>
            </w:r>
            <w:r>
              <w:rPr>
                <w:rFonts w:ascii="Arial" w:hAnsi="Arial" w:cs="Arial"/>
                <w:color w:val="000000"/>
                <w:vertAlign w:val="superscript"/>
              </w:rPr>
              <w:t>2</w:t>
            </w:r>
          </w:p>
        </w:tc>
      </w:tr>
      <w:tr w:rsidR="00700169" w14:paraId="628FDAD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31CD0E2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38620D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BA63DB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39B0B2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92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E08617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465127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3CB1DF5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Median (IQR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2490E2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8.0 (25.0, 33.0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7B0D95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7.0 (23.0, 32.0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68DC88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7.0 (24.0, 33.0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8529D3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D1CAF7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482BC91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Rang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688F63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8.0, 75.0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F5B941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8.0, 75.0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74E3CC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8.0, 75.0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F7F98F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0CE13C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0848A14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7B1E1E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E3537E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AAFB45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1A6A32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A9301A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CDA198E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lastRenderedPageBreak/>
              <w:t>Age category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613290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8193C6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B2FB70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08D5F7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484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401F8FE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4B29BAB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8-29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30A98B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71 (59.2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8912A5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08 (63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411926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979 (61.5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12B95D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7B551C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5E05900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0-39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AC324C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4 (31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B67911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17 (27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F36A15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71 (29.6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DD822A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7EEFF3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20F3096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0-49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BC7B68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2 (6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7B2DA5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4 (6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36F58B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06 (6.7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1ABD3F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97F879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6C10CEA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0-59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719282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7 (2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B25398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 (1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E1CCB1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2 (2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1A7B2B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4430B3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C80C055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0-69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25F63F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08B6BA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FACB1F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F35211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4CF0E6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B129FCA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0-79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488DB8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15BA1E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35E705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9094CA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7823DA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667FD1A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E65A21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C0734E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B863E4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80F8C3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7C4C05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A84AB5B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Age category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EAE7A8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6A071C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439B11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44C8CD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.000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4010930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213C371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8-51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B3D86D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82 (98.2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26BAAB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82 (98.2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7805A6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64 (98.2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2194FA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578BF3C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6E54E94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2+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604783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 (1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484471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 (1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1A751C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8 (1.8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AF85F9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6843D9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44D3949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19B933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86B7BD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E7A152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C899E2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CAE9E9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A3BAF61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Race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EC4212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53904B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7771D7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FB1A25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128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2CDCF63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2076B77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Whit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1B26EE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26 (78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555500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05 (76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4EB679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231 (77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5F115C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0BE7D6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3DE790B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Black or African America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8D6656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8 (6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3FCE20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8 (7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779116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06 (6.7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A9E2A0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B3EB95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6DD7065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Other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82DB15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6 (3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BF8A6C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3 (5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D23E4A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9 (4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507E73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020A9E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0594900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Unknown/Not Reported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C524B4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96 (12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C1EF18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90 (11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A24C93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86 (11.7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04848E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3C0876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0236F77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A7812E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B7B011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8E6886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F0BD39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EA4749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C17E59F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Inpatient/outpatient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BD0BEC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232E29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52B3A4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666BE7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&lt;.001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75CC027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61A0E56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Inpatient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0A4E3A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39 (17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0BDE1B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8 (8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F89333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07 (13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D7DFFD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E7B63F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E876DA4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Outpatient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C86015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57 (82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BED915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28 (91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3ED755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385 (87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7BAA5E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DE4298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EB6B46C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2348E3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53FCA7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B47EB5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11C187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30CE1E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5193F9D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Origin status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4AA31C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044894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053533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7AB55F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344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6F6590C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04363F2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Acute care hospital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45DFEB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501E7C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 (0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526B98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 (0.2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9A94FC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896C35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6701143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Home/Permanent residenc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45311A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1 (99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1D8229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3 (99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BB47B5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84 (99.5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5EC62C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E389B0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AD09FEB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Other facility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093E6F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 (0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50F8CF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09F71F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 (0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FE2E35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0DE9828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CA0699B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100482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2DC1E9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18F33D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DC4B1E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4A756A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2410A79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Case Acuity (2021+, and mapped from ELECTSURG and EMERGNCY 2011-2020)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43B9BD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DD6B02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0304CE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8028B4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222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59C89D5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2B40F4B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Electiv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0BBAD2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1 (99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AEE832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5 (99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B29CAF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86 (99.6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D5CBCE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7CE6E4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0494397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Emergent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5B2ACA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 (0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2976B3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5F9540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918CF1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BA9B09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568E233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Urgent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3BA7A8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 (0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3FC134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87CF43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 (0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CB0F4B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E14F33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7E80743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B6B8BF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7E4D7C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13783E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9CB0F4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689B7F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4C3BDFB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BMI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45C0BC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A3D3AC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A04711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773F4F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879</w:t>
            </w:r>
            <w:r>
              <w:rPr>
                <w:rFonts w:ascii="Arial" w:hAnsi="Arial" w:cs="Arial"/>
                <w:color w:val="000000"/>
                <w:vertAlign w:val="superscript"/>
              </w:rPr>
              <w:t>2</w:t>
            </w:r>
          </w:p>
        </w:tc>
      </w:tr>
      <w:tr w:rsidR="00700169" w14:paraId="24E6EC9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C6371E5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E153EF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4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01EB08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4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467EB0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88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1B1967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07499C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A0F12A7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Median (IQR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F4B7A8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8.2 (23.6, 33.5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DA8F33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8.0 (23.8, 33.5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587AB8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8.1 (23.7, 33.5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0CCEB8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5549B4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43CF556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Rang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19CAFF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.1, 62.2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318959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6.2, 71.2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130891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.1, 71.2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E0733A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9F59B9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9D4E3E9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738063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B5311A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CD9B4F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70084D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0FC6D1B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E5E4452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BMI Category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16FE98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D5F0E6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2B852E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450EDF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.000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4C70404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968F66E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&lt;18.5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AC2D1B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 (1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EF37D8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 (1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E241C3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8 (1.8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A5AE78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CEA5A5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95F3D77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lastRenderedPageBreak/>
              <w:t>18.5-24.9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5C5A4E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38 (3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A53B48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38 (3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841F9A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76 (3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614897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993890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599B491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.0-29.9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4B1188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31 (29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9061A6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31 (29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A2FBFD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62 (29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4DEFCC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224119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BFC9041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0.0-34.9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3370F1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6 (19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24ABA6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6 (19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7DDBB1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12 (19.6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0601C2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52FD6F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CC3C931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5.0-39.9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E0A0F8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82 (10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30286C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82 (10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2F89CB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64 (10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6A0E2F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940525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75705F7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0+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08CCA1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3 (9.2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430D93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3 (9.2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10B356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6 (9.2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60BAED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EBD3A3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3A2B4FB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Missing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405ECE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25F481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C5D8E3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C24E6F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082883B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C6E46F0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DA4369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FCDEFD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A7676B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DB587D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0FC7D82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551EA0F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Major medical comorbidity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28D0E7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8712DA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8F1E0A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245187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.000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578F4F6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0BD45D7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82CF68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11 (89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FF9DC4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11 (89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F84695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22 (89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5C9BE1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972E8B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FE504FF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FFD6C6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85 (10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835578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85 (10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16ADBD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70 (10.7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B8070C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D0A687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8579D2F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435FE1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661DFC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3D173F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55B5CF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726675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355826D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Diabetes mellitus with oral agents or insulin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279857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B01CF1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F7198C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3FF608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616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62E4AE8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7576812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Insuli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F4050D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9 (1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16AC4F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0 (1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813F92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9 (1.2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14AEFF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2E7027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A090633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n-Insulin/Oral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73FCE7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3 (2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5E0492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7 (2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8623CA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0 (2.5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BBE69A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A48677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356FCFB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n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B33E9E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64 (96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1A1DA2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69 (96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93BC93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33 (96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5A306C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C9C98D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6B5681D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868095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A3BECA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7F3BC6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C8EC80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B0FA59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EA1852B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Diabetes (insulin or non-insulin)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57E9A8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4FA6FE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6A3C25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36454A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507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0717EF8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2506A6B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20F7F8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64 (96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79C7D7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69 (96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98712A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33 (96.3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DE28BB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F9453F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C4D29BF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747491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2 (4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4CC0D3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7 (3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323B53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9 (3.7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BED098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139F2E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8671516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5A0B05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09A51D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B42D3E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DC888E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202FC4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7280C56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Current smoker within one year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66E349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CE3FCD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1678D3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CA21B6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.000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09F5869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794841C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79D03F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05 (88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DAE9DE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05 (88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EECB28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10 (88.6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9890E4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FD4580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B395607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1A6181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91 (11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BF72A7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91 (11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425A1C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82 (11.4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2BB205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4ABE4F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04328F8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B876CB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561776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72F621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FD40AB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553914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17B0948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Functional Status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81FE22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A34BC1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4201C0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EE07E2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D0B44F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1FA2498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Independent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45AAB1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3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562835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4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F54C53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87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21DD1E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2983B8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460B548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Missing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D175C0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4316BD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702795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4F693F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4950654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530BC74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9BA854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397FE8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90BBBE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233B43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D497C4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420C3BF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Ventilator dependent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8023A5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885388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9D5945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1A8A18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99BBAD4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7328204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7B2D0D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2016A9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B640BE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92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82AB62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6055C8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65B5917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975ADC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298B71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7B584C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9B313A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347476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6BAD093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History of severe COPD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7E0801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A9E4F9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66022E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127E9F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157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53B94E5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08A12E1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C0315E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4 (99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D6B584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A26086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90 (99.9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01C962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0C8570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6FFBA06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B903E2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 (0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7AD9DC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A8A06C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C32B7F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A808B5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0BE4D6D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FAD31C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25C723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F95B12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CB9AF2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63F3A7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06E2FDF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Ascites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E2F386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492CE3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EFCBF1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13C6D7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1AA567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2B33D86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14C2A6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2037A7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A7E519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92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B0DF62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38B996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EC41AED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449CE1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E731F1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17CA90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66DF63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00D1D0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D892D88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lastRenderedPageBreak/>
              <w:t>Heart failure (CHF) in 30 days before surgery (NOTE: Definition change in 2021)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2A492D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EA1690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146997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C7B44D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572BA2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21EDBD0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4E3830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726231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D1D261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92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24BEA9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B7844A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D5D5A10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155127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7B26CB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300C01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ED6A4A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7DE360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FEEC9A1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Hypertension requiring medication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6BA153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BCC656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B5BD1E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C90537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532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272C428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2CB5674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DC0648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50 (94.2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8DE48D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44 (93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29D6C3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94 (93.8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C4D93C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8B721D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800A561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BD57BD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6 (5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7FDB04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2 (6.5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A5FF89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98 (6.2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ED0BB8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0E168A1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49A931F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90AC77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D929A0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C2B3C0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1A9E72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A01E624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1BC0E37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Preop Dialysis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67A0B8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3181E3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F4B1ED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FEAB3D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B9E02E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5E6E545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5F65B0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70E5ED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D59A63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92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34B523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CBC51C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7E38DCC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FC3CF8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5FC869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3C3488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5C1894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0D490C2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F99B879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Disseminated cancer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746E5D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5ECCB9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84C23B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C023F7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03197F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664D551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5585C6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9DD4B9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9AA6CF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92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A245DD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FB8CF9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9A0A14D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258B90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0BF01E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AB8FC3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5B1C3F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0F176DD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0000E40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Immunosuppressive Therapy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D2F6A8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F17204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53F0E6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F17620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681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3F75DBC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0DDDB20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A2C246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83 (98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A7E669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85 (98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E3214B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68 (98.5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2512E9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C5D0A4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77C6716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A8B870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3 (1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5C77DF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1 (1.4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139556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4 (1.5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F8F6D3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16C5FB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85F3973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82BE8C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78F4D1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F8DBAA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B3F960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119743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59FE384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Bleeding disorders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1E80D1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E4B899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2EA5C5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3E486F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156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657D09A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88D13D7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lastRenderedPageBreak/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73EE41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0 (99.2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2C2118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4 (99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A27AF4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84 (99.5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F7C0FF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96A40A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8E97D0F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06F4CF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 (0.8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8E77EA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 (0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3F1F8D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8 (0.5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4E3922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59F91B4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C3FFF46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E30CC6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11EC9E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533D8F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1174AD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E83DA9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5A59C4C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Transfusion &gt;4 units PRBCs in 72 hours before surgery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D69B44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B34CE4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3DA10C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FC332E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317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76F75C5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365F8F9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A0D36A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5 (99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7F7A35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241997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91 (99.9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9AA57C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58364A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A9F5685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Ye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DC6F42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 (0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4921D3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478A48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34C69C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DA80EF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CB9B861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BE34D4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A18C0A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2A3F6D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740D7E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B1DC3DB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353EEBA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Systemic sepsis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5FA483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DB1162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DABF4F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8E0976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157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01CB37E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FEF762F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SIRS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095C9D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 (0.3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D6BD0C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 (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C35668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 (0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7ABB85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D6D157A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C2B392E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on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13D8B6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4 (99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118E7C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380611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90 (99.9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F1A424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AFE5D0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CDDBCF0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1A6384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0CAB83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C09F27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4A6B86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06DF29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B42D1AC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Approach (primary CPT)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D7272F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AB0A85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637308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E4D8ED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27BEF8EC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4FFBFC6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Lap/robotic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26D0EF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CE49D5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 (100.0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97594A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92 (100.0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ED4E0B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0669FFD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4604109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BABE52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C834F8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48DDA2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0F6354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EC246E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C14736B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ASA class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79CA6C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FB761D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931090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934844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.000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563A1952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E268925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-No Disturb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76834F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6 (19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3C5EB5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6 (19.6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AE20DC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12 (19.6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D371C0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1A027267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DEA3928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-Mild Disturb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D9F694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63 (70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795C58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563 (70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7C7502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126 (70.7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45B34B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29298EF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AEBA10C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3-Severe Disturb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C8E3C1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7 (9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7A3825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7 (9.7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6CC0A9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4 (9.7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CBE10A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C7423F0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D01EBBC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DBD35C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EC5131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97B617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D568D3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C65F04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E93876D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lastRenderedPageBreak/>
              <w:t>Pre-operative hematocrit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CBF474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11D363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8B6DA1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9DA727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&lt;.001</w:t>
            </w:r>
            <w:r>
              <w:rPr>
                <w:rFonts w:ascii="Arial" w:hAnsi="Arial" w:cs="Arial"/>
                <w:color w:val="000000"/>
                <w:vertAlign w:val="superscript"/>
              </w:rPr>
              <w:t>2</w:t>
            </w:r>
          </w:p>
        </w:tc>
      </w:tr>
      <w:tr w:rsidR="00700169" w14:paraId="15AD75B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DC0DF91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B4D81A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00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7731A6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02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5C82F7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302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BD0D5F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0A7D7918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A89D99A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Median (IQR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56DC6E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0.8 (38.7, 42.7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F74839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5.4 (42.8, 48.0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3E8A1A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2.4 (40.0, 46.0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E8F4CA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D2C17B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A9B4518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Rang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1B6661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.1, 56.0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D78297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8.4, 56.1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5DADC20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.1, 56.1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83B7CB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7CD8D66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F970A98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07E42C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6D3E8A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A909F3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939C1D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6E11F104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3B6626B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Uterine Weight (g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06EA469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4A3C12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93630B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EF7A8C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0.699</w:t>
            </w:r>
            <w:r>
              <w:rPr>
                <w:rFonts w:ascii="Arial" w:hAnsi="Arial" w:cs="Arial"/>
                <w:color w:val="000000"/>
                <w:vertAlign w:val="superscript"/>
              </w:rPr>
              <w:t>2</w:t>
            </w:r>
          </w:p>
        </w:tc>
      </w:tr>
      <w:tr w:rsidR="00700169" w14:paraId="3E682FE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1581ECA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N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6CA1FA6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D11400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96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9D12B8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92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87F804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32BC44EE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E01A4A7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Median (IQR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016734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8.0 (54.0, 84.0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585272F7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7.0 (53.5, 83.6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6E1162B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7.4 (54.0, 83.8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C040EE5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1B73A43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BAD1ADA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Range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AEC0678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9.0, 950.0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BC10B61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.0, 968.7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7DE3D4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9.0, 968.7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3E20A6F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D8183F9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D42F295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C611A9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445F23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A6AF0D6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3A64A69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50D77BE1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7CB0BB99" w14:textId="77777777" w:rsidR="00700169" w:rsidRDefault="00700169" w:rsidP="00FB4318">
            <w:pPr>
              <w:adjustRightInd w:val="0"/>
              <w:ind w:left="72"/>
              <w:jc w:val="center"/>
              <w:rPr>
                <w:rFonts w:ascii="Arial" w:hAnsi="Arial" w:cs="Arial"/>
                <w:b/>
                <w:bCs/>
                <w:color w:val="000000"/>
              </w:rPr>
            </w:pPr>
            <w:r>
              <w:rPr>
                <w:rFonts w:ascii="Arial" w:hAnsi="Arial" w:cs="Arial"/>
                <w:b/>
                <w:bCs/>
                <w:color w:val="000000"/>
              </w:rPr>
              <w:t>Uterine weight (&lt;250 vs 250+ g)</w:t>
            </w:r>
            <w:r>
              <w:rPr>
                <w:rFonts w:ascii="Arial" w:hAnsi="Arial" w:cs="Arial"/>
                <w:color w:val="000000"/>
              </w:rPr>
              <w:t>, n (%)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2319DC1D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321DFE02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3A6526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EB4957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.000</w:t>
            </w: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</w:p>
        </w:tc>
      </w:tr>
      <w:tr w:rsidR="00700169" w14:paraId="02ABBC9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75B84BAA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&lt;250 g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3A3BAC4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87 (98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1E4DBD0C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787 (98.9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275A3C3E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74 (98.9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EFEFEF"/>
          </w:tcPr>
          <w:p w14:paraId="4BC5E9E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7719AEE5" w14:textId="77777777" w:rsidTr="00FB4318">
        <w:trPr>
          <w:cantSplit/>
          <w:jc w:val="center"/>
        </w:trPr>
        <w:tc>
          <w:tcPr>
            <w:tcW w:w="324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116E5C4D" w14:textId="77777777" w:rsidR="00700169" w:rsidRDefault="00700169" w:rsidP="00FB4318">
            <w:pPr>
              <w:adjustRightInd w:val="0"/>
              <w:ind w:left="173" w:firstLine="173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0+ g</w:t>
            </w:r>
          </w:p>
        </w:tc>
        <w:tc>
          <w:tcPr>
            <w:tcW w:w="1595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1D7A3FB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9 (1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58BAB2E4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9 (1.1%)</w:t>
            </w:r>
          </w:p>
        </w:tc>
        <w:tc>
          <w:tcPr>
            <w:tcW w:w="1594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0D6DC573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8 (1.1%)</w:t>
            </w:r>
          </w:p>
        </w:tc>
        <w:tc>
          <w:tcPr>
            <w:tcW w:w="1090" w:type="dxa"/>
            <w:tcBorders>
              <w:top w:val="nil"/>
              <w:left w:val="nil"/>
              <w:bottom w:val="nil"/>
              <w:right w:val="nil"/>
            </w:tcBorders>
            <w:shd w:val="clear" w:color="auto" w:fill="FFFFFF"/>
          </w:tcPr>
          <w:p w14:paraId="473C807A" w14:textId="77777777" w:rsidR="00700169" w:rsidRDefault="00700169" w:rsidP="00FB4318">
            <w:pPr>
              <w:adjustRightInd w:val="0"/>
              <w:jc w:val="center"/>
              <w:rPr>
                <w:rFonts w:ascii="Arial" w:hAnsi="Arial" w:cs="Arial"/>
                <w:color w:val="000000"/>
              </w:rPr>
            </w:pPr>
          </w:p>
        </w:tc>
      </w:tr>
      <w:tr w:rsidR="00700169" w14:paraId="4A06757A" w14:textId="77777777" w:rsidTr="00FB4318">
        <w:trPr>
          <w:cantSplit/>
          <w:jc w:val="center"/>
        </w:trPr>
        <w:tc>
          <w:tcPr>
            <w:tcW w:w="9113" w:type="dxa"/>
            <w:gridSpan w:val="5"/>
            <w:tcBorders>
              <w:top w:val="single" w:sz="4" w:space="0" w:color="000000"/>
              <w:left w:val="nil"/>
              <w:bottom w:val="nil"/>
              <w:right w:val="nil"/>
            </w:tcBorders>
            <w:shd w:val="clear" w:color="auto" w:fill="FFFFFF"/>
          </w:tcPr>
          <w:p w14:paraId="2F577A95" w14:textId="77777777" w:rsidR="00700169" w:rsidRDefault="00700169" w:rsidP="00FB4318">
            <w:pPr>
              <w:adjustRightInd w:val="0"/>
              <w:ind w:left="86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vertAlign w:val="superscript"/>
              </w:rPr>
              <w:t>1</w:t>
            </w:r>
            <w:r>
              <w:rPr>
                <w:rFonts w:ascii="Arial" w:hAnsi="Arial" w:cs="Arial"/>
                <w:color w:val="000000"/>
              </w:rPr>
              <w:t>Chi-Square p-value; </w:t>
            </w:r>
            <w:r>
              <w:rPr>
                <w:rFonts w:ascii="Arial" w:hAnsi="Arial" w:cs="Arial"/>
                <w:color w:val="000000"/>
                <w:vertAlign w:val="superscript"/>
              </w:rPr>
              <w:t>2</w:t>
            </w:r>
            <w:r>
              <w:rPr>
                <w:rFonts w:ascii="Arial" w:hAnsi="Arial" w:cs="Arial"/>
                <w:color w:val="000000"/>
              </w:rPr>
              <w:t>Kruskal-Wallis p-value;</w:t>
            </w:r>
          </w:p>
        </w:tc>
      </w:tr>
    </w:tbl>
    <w:p w14:paraId="52D184F7" w14:textId="77777777" w:rsidR="009C05E5" w:rsidRDefault="009C05E5"/>
    <w:sectPr w:rsidR="009C05E5" w:rsidSect="009C05E5">
      <w:pgSz w:w="12240" w:h="15840" w:code="1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00169"/>
    <w:rsid w:val="002912FB"/>
    <w:rsid w:val="002A3C93"/>
    <w:rsid w:val="00700169"/>
    <w:rsid w:val="007364D7"/>
    <w:rsid w:val="009C05E5"/>
    <w:rsid w:val="00EA200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15B75E5F"/>
  <w15:chartTrackingRefBased/>
  <w15:docId w15:val="{A94E2E4E-EC23-444B-AD03-AB74EA2B28F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00169"/>
    <w:pPr>
      <w:spacing w:after="200" w:line="276" w:lineRule="auto"/>
    </w:pPr>
    <w:rPr>
      <w:rFonts w:ascii="Times New Roman" w:hAnsi="Times New Roman" w:cs="Times New Roman"/>
      <w:kern w:val="0"/>
      <w:sz w:val="24"/>
      <w:szCs w:val="24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299499\AppData\Local\Temp\Templafy\WordVsto\egaggq4k.dotx" TargetMode="External"/></Relationships>
</file>

<file path=word/theme/theme1.xml><?xml version="1.0" encoding="utf-8"?>
<a:theme xmlns:a="http://schemas.openxmlformats.org/drawingml/2006/main" name="Office Theme">
  <a:themeElements>
    <a:clrScheme name="Custom 1_Mayo Clinic">
      <a:dk1>
        <a:srgbClr val="000000"/>
      </a:dk1>
      <a:lt1>
        <a:srgbClr val="FFFFFF"/>
      </a:lt1>
      <a:dk2>
        <a:srgbClr val="0057B8"/>
      </a:dk2>
      <a:lt2>
        <a:srgbClr val="FFFFFF"/>
      </a:lt2>
      <a:accent1>
        <a:srgbClr val="0057B8"/>
      </a:accent1>
      <a:accent2>
        <a:srgbClr val="009CDE"/>
      </a:accent2>
      <a:accent3>
        <a:srgbClr val="FFC845"/>
      </a:accent3>
      <a:accent4>
        <a:srgbClr val="00873E"/>
      </a:accent4>
      <a:accent5>
        <a:srgbClr val="8246AF"/>
      </a:accent5>
      <a:accent6>
        <a:srgbClr val="E3002B"/>
      </a:accent6>
      <a:hlink>
        <a:srgbClr val="009CDE"/>
      </a:hlink>
      <a:folHlink>
        <a:srgbClr val="000000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Standard Blank Document-MS Defaul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DC7B535-78E8-401A-805D-8013DD7CBCD4}">
  <ds:schemaRefs/>
</ds:datastoreItem>
</file>

<file path=customXml/itemProps2.xml><?xml version="1.0" encoding="utf-8"?>
<ds:datastoreItem xmlns:ds="http://schemas.openxmlformats.org/officeDocument/2006/customXml" ds:itemID="{0A69BE30-1B31-4AA8-A8A8-557476A98BEE}">
  <ds:schemaRefs/>
</ds:datastoreItem>
</file>

<file path=docMetadata/LabelInfo.xml><?xml version="1.0" encoding="utf-8"?>
<clbl:labelList xmlns:clbl="http://schemas.microsoft.com/office/2020/mipLabelMetadata">
  <clbl:label id="{11372f5f-8e19-4efb-8afe-8eac20a980c4}" enabled="1" method="Standard" siteId="{a25fff9c-3f63-4fb2-9a8a-d9bdd0321f9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egaggq4k.dotx</Template>
  <TotalTime>0</TotalTime>
  <Pages>8</Pages>
  <Words>766</Words>
  <Characters>4367</Characters>
  <Application>Microsoft Office Word</Application>
  <DocSecurity>0</DocSecurity>
  <Lines>36</Lines>
  <Paragraphs>10</Paragraphs>
  <ScaleCrop>false</ScaleCrop>
  <Company/>
  <LinksUpToDate>false</LinksUpToDate>
  <CharactersWithSpaces>512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arayanamoorthy, Sujatha, M.B.B.S.</dc:creator>
  <cp:keywords/>
  <dc:description/>
  <cp:lastModifiedBy>Narayanamoorthy, Sujatha, M.B.B.S.</cp:lastModifiedBy>
  <cp:revision>1</cp:revision>
  <dcterms:created xsi:type="dcterms:W3CDTF">2025-04-04T21:46:00Z</dcterms:created>
  <dcterms:modified xsi:type="dcterms:W3CDTF">2025-04-04T21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cbrandtemplates</vt:lpwstr>
  </property>
  <property fmtid="{D5CDD505-2E9C-101B-9397-08002B2CF9AE}" pid="3" name="TemplafyTemplateId">
    <vt:lpwstr>857060844925354760</vt:lpwstr>
  </property>
  <property fmtid="{D5CDD505-2E9C-101B-9397-08002B2CF9AE}" pid="4" name="TemplafyUserProfileId">
    <vt:lpwstr>638259757519398781</vt:lpwstr>
  </property>
  <property fmtid="{D5CDD505-2E9C-101B-9397-08002B2CF9AE}" pid="5" name="TemplafyFromBlank">
    <vt:bool>true</vt:bool>
  </property>
</Properties>
</file>